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6" r:id="rId2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7F7F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38" d="100"/>
          <a:sy n="138" d="100"/>
        </p:scale>
        <p:origin x="126" y="564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222785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78174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4781"/>
            <a:ext cx="2057400" cy="329088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4781"/>
            <a:ext cx="6019800" cy="329088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453159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65642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641849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98943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34904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467902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533223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20071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21394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A084148-D869-4C9A-AD91-8F6A5C24E9C0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D2E27FE-2E84-404D-A4EF-526A50086B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50330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7F7F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10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8" y="0"/>
            <a:ext cx="9141764" cy="5143499"/>
          </a:xfrm>
          <a:prstGeom prst="rect">
            <a:avLst/>
          </a:prstGeom>
        </p:spPr>
      </p:pic>
      <p:cxnSp>
        <p:nvCxnSpPr>
          <p:cNvPr id="5077" name="OTLSHAPE_M_f6c8803e1a7c4e8f8337d74e00db159e_Connector1"/>
          <p:cNvCxnSpPr/>
          <p:nvPr>
            <p:custDataLst>
              <p:tags r:id="rId2"/>
            </p:custDataLst>
          </p:nvPr>
        </p:nvCxnSpPr>
        <p:spPr>
          <a:xfrm>
            <a:off x="7655267" y="2455037"/>
            <a:ext cx="0" cy="2066331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OTLSHAPE_M_a88fd2ea5e68475c92e88b69d74d1b7f_Connector1"/>
          <p:cNvCxnSpPr/>
          <p:nvPr>
            <p:custDataLst>
              <p:tags r:id="rId3"/>
            </p:custDataLst>
          </p:nvPr>
        </p:nvCxnSpPr>
        <p:spPr>
          <a:xfrm>
            <a:off x="6672082" y="2455037"/>
            <a:ext cx="0" cy="1730278"/>
          </a:xfrm>
          <a:prstGeom prst="line">
            <a:avLst/>
          </a:prstGeom>
          <a:ln w="7620" cap="flat" cmpd="sng" algn="ctr">
            <a:solidFill>
              <a:srgbClr val="E8B64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5" name="OTLSHAPE_M_9184bdc391be4ec6b031a751055d87a7_Connector2"/>
          <p:cNvCxnSpPr/>
          <p:nvPr>
            <p:custDataLst>
              <p:tags r:id="rId4"/>
            </p:custDataLst>
          </p:nvPr>
        </p:nvCxnSpPr>
        <p:spPr>
          <a:xfrm>
            <a:off x="6124120" y="3722670"/>
            <a:ext cx="0" cy="82716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4" name="OTLSHAPE_M_9184bdc391be4ec6b031a751055d87a7_Connector1"/>
          <p:cNvCxnSpPr/>
          <p:nvPr>
            <p:custDataLst>
              <p:tags r:id="rId5"/>
            </p:custDataLst>
          </p:nvPr>
        </p:nvCxnSpPr>
        <p:spPr>
          <a:xfrm>
            <a:off x="6124120" y="2455037"/>
            <a:ext cx="0" cy="1112608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3" name="OTLSHAPE_M_45d354d392584e55829d08de0a91189a_Connector1"/>
          <p:cNvCxnSpPr/>
          <p:nvPr>
            <p:custDataLst>
              <p:tags r:id="rId6"/>
            </p:custDataLst>
          </p:nvPr>
        </p:nvCxnSpPr>
        <p:spPr>
          <a:xfrm>
            <a:off x="5791148" y="2455037"/>
            <a:ext cx="0" cy="937772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2" name="OTLSHAPE_M_8e9c7bf8dd134729a2470ea339a944be_Connector2"/>
          <p:cNvCxnSpPr/>
          <p:nvPr>
            <p:custDataLst>
              <p:tags r:id="rId7"/>
            </p:custDataLst>
          </p:nvPr>
        </p:nvCxnSpPr>
        <p:spPr>
          <a:xfrm>
            <a:off x="5049171" y="2880911"/>
            <a:ext cx="0" cy="158075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1" name="OTLSHAPE_M_8e9c7bf8dd134729a2470ea339a944be_Connector1"/>
          <p:cNvCxnSpPr/>
          <p:nvPr>
            <p:custDataLst>
              <p:tags r:id="rId8"/>
            </p:custDataLst>
          </p:nvPr>
        </p:nvCxnSpPr>
        <p:spPr>
          <a:xfrm>
            <a:off x="5049171" y="2455037"/>
            <a:ext cx="0" cy="270849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0" name="OTLSHAPE_M_69dfbdd481f842ab9341e1fdf5af935f_Connector1"/>
          <p:cNvCxnSpPr/>
          <p:nvPr>
            <p:custDataLst>
              <p:tags r:id="rId9"/>
            </p:custDataLst>
          </p:nvPr>
        </p:nvCxnSpPr>
        <p:spPr>
          <a:xfrm>
            <a:off x="4128910" y="2455037"/>
            <a:ext cx="0" cy="583466"/>
          </a:xfrm>
          <a:prstGeom prst="line">
            <a:avLst/>
          </a:prstGeom>
          <a:ln w="762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9" name="OTLSHAPE_M_ea5f38e5562244cea78f692b5a67d3cc_Connector1"/>
          <p:cNvCxnSpPr/>
          <p:nvPr>
            <p:custDataLst>
              <p:tags r:id="rId10"/>
            </p:custDataLst>
          </p:nvPr>
        </p:nvCxnSpPr>
        <p:spPr>
          <a:xfrm>
            <a:off x="3921785" y="2455037"/>
            <a:ext cx="0" cy="758303"/>
          </a:xfrm>
          <a:prstGeom prst="line">
            <a:avLst/>
          </a:prstGeom>
          <a:ln w="762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8" name="OTLSHAPE_M_757b8f27135349f29a13bb4029fd12b1_Connector1"/>
          <p:cNvCxnSpPr/>
          <p:nvPr>
            <p:custDataLst>
              <p:tags r:id="rId11"/>
            </p:custDataLst>
          </p:nvPr>
        </p:nvCxnSpPr>
        <p:spPr>
          <a:xfrm>
            <a:off x="3460343" y="2455037"/>
            <a:ext cx="0" cy="135035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7" name="OTLSHAPE_M_d2a1f4af0cad419fb98eb3e83730558d_Connector1"/>
          <p:cNvCxnSpPr/>
          <p:nvPr>
            <p:custDataLst>
              <p:tags r:id="rId12"/>
            </p:custDataLst>
          </p:nvPr>
        </p:nvCxnSpPr>
        <p:spPr>
          <a:xfrm>
            <a:off x="2972684" y="2455037"/>
            <a:ext cx="0" cy="1786025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6" name="OTLSHAPE_M_3995d9abef7241eb944385825896c0fe_Connector1"/>
          <p:cNvCxnSpPr/>
          <p:nvPr>
            <p:custDataLst>
              <p:tags r:id="rId13"/>
            </p:custDataLst>
          </p:nvPr>
        </p:nvCxnSpPr>
        <p:spPr>
          <a:xfrm>
            <a:off x="1147892" y="2455038"/>
            <a:ext cx="0" cy="2066329"/>
          </a:xfrm>
          <a:prstGeom prst="line">
            <a:avLst/>
          </a:prstGeom>
          <a:ln w="762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5" name="OTLSHAPE_M_c19d9082ad69445da4e91bfbd4e6e48f_Connector1"/>
          <p:cNvCxnSpPr/>
          <p:nvPr>
            <p:custDataLst>
              <p:tags r:id="rId14"/>
            </p:custDataLst>
          </p:nvPr>
        </p:nvCxnSpPr>
        <p:spPr>
          <a:xfrm>
            <a:off x="6910668" y="502220"/>
            <a:ext cx="0" cy="1633793"/>
          </a:xfrm>
          <a:prstGeom prst="line">
            <a:avLst/>
          </a:prstGeom>
          <a:ln w="7620" cap="flat" cmpd="sng" algn="ctr">
            <a:solidFill>
              <a:srgbClr val="DBB041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4" name="OTLSHAPE_M_2b85f17fab734a2c81a475e1cb986246_Connector3"/>
          <p:cNvCxnSpPr/>
          <p:nvPr>
            <p:custDataLst>
              <p:tags r:id="rId15"/>
            </p:custDataLst>
          </p:nvPr>
        </p:nvCxnSpPr>
        <p:spPr>
          <a:xfrm>
            <a:off x="6139851" y="1142449"/>
            <a:ext cx="0" cy="993564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3" name="OTLSHAPE_M_1551819e0e5e45be86ad2436fb8e9ecc_Connector1"/>
          <p:cNvCxnSpPr/>
          <p:nvPr>
            <p:custDataLst>
              <p:tags r:id="rId16"/>
            </p:custDataLst>
          </p:nvPr>
        </p:nvCxnSpPr>
        <p:spPr>
          <a:xfrm>
            <a:off x="5956323" y="1167849"/>
            <a:ext cx="0" cy="968164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2" name="OTLSHAPE_M_fa4d7f46f8dd4b77b9d530b26ff09c1e_Connector1"/>
          <p:cNvCxnSpPr/>
          <p:nvPr>
            <p:custDataLst>
              <p:tags r:id="rId17"/>
            </p:custDataLst>
          </p:nvPr>
        </p:nvCxnSpPr>
        <p:spPr>
          <a:xfrm>
            <a:off x="5408361" y="1538138"/>
            <a:ext cx="0" cy="597875"/>
          </a:xfrm>
          <a:prstGeom prst="line">
            <a:avLst/>
          </a:prstGeom>
          <a:ln w="7620" cap="flat" cmpd="sng" algn="ctr">
            <a:solidFill>
              <a:schemeClr val="l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1" name="OTLSHAPE_M_3e38c6b517f749a0af7b647881f60c2e_Connector3"/>
          <p:cNvCxnSpPr/>
          <p:nvPr>
            <p:custDataLst>
              <p:tags r:id="rId18"/>
            </p:custDataLst>
          </p:nvPr>
        </p:nvCxnSpPr>
        <p:spPr>
          <a:xfrm>
            <a:off x="4810584" y="2014601"/>
            <a:ext cx="0" cy="121412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0" name="OTLSHAPE_M_3e38c6b517f749a0af7b647881f60c2e_Connector1"/>
          <p:cNvCxnSpPr/>
          <p:nvPr>
            <p:custDataLst>
              <p:tags r:id="rId19"/>
            </p:custDataLst>
          </p:nvPr>
        </p:nvCxnSpPr>
        <p:spPr>
          <a:xfrm>
            <a:off x="4810584" y="496443"/>
            <a:ext cx="0" cy="1213697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9" name="OTLSHAPE_M_1ef1ecf7b9f74c2f908f0d1aaaf6024f_Connector1"/>
          <p:cNvCxnSpPr/>
          <p:nvPr>
            <p:custDataLst>
              <p:tags r:id="rId20"/>
            </p:custDataLst>
          </p:nvPr>
        </p:nvCxnSpPr>
        <p:spPr>
          <a:xfrm>
            <a:off x="4065986" y="1537356"/>
            <a:ext cx="0" cy="598657"/>
          </a:xfrm>
          <a:prstGeom prst="line">
            <a:avLst/>
          </a:prstGeom>
          <a:ln w="762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8" name="OTLSHAPE_M_41045d40b2a040e891bfa60a4dd5bee2_Connector2"/>
          <p:cNvCxnSpPr/>
          <p:nvPr>
            <p:custDataLst>
              <p:tags r:id="rId21"/>
            </p:custDataLst>
          </p:nvPr>
        </p:nvCxnSpPr>
        <p:spPr>
          <a:xfrm>
            <a:off x="3735636" y="1362520"/>
            <a:ext cx="0" cy="773493"/>
          </a:xfrm>
          <a:prstGeom prst="line">
            <a:avLst/>
          </a:prstGeom>
          <a:ln w="7620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7" name="OTLSHAPE_M_41045d40b2a040e891bfa60a4dd5bee2_Connector1"/>
          <p:cNvCxnSpPr/>
          <p:nvPr>
            <p:custDataLst>
              <p:tags r:id="rId22"/>
            </p:custDataLst>
          </p:nvPr>
        </p:nvCxnSpPr>
        <p:spPr>
          <a:xfrm>
            <a:off x="3735636" y="1098084"/>
            <a:ext cx="0" cy="109411"/>
          </a:xfrm>
          <a:prstGeom prst="line">
            <a:avLst/>
          </a:prstGeom>
          <a:ln w="7620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6" name="OTLSHAPE_M_0cff5306fff348c29c8f9a46b6c6b2fb_Connector1"/>
          <p:cNvCxnSpPr/>
          <p:nvPr>
            <p:custDataLst>
              <p:tags r:id="rId23"/>
            </p:custDataLst>
          </p:nvPr>
        </p:nvCxnSpPr>
        <p:spPr>
          <a:xfrm>
            <a:off x="3048717" y="765697"/>
            <a:ext cx="0" cy="1370316"/>
          </a:xfrm>
          <a:prstGeom prst="line">
            <a:avLst/>
          </a:prstGeom>
          <a:ln w="7620" cap="flat" cmpd="sng" algn="ctr">
            <a:solidFill>
              <a:srgbClr val="D5B19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5" name="OTLSHAPE_M_6eddaaf2e6234ab9837baff34da00c7f_Connector1"/>
          <p:cNvCxnSpPr/>
          <p:nvPr>
            <p:custDataLst>
              <p:tags r:id="rId24"/>
            </p:custDataLst>
          </p:nvPr>
        </p:nvCxnSpPr>
        <p:spPr>
          <a:xfrm>
            <a:off x="2018339" y="433487"/>
            <a:ext cx="0" cy="1702526"/>
          </a:xfrm>
          <a:prstGeom prst="line">
            <a:avLst/>
          </a:prstGeom>
          <a:ln w="7620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1" name="OTLSHAPE_TB_00000000000000000000000000000000_LeftEndCaps" hidden="1"/>
          <p:cNvSpPr txBox="1"/>
          <p:nvPr>
            <p:custDataLst>
              <p:tags r:id="rId25"/>
            </p:custDataLst>
          </p:nvPr>
        </p:nvSpPr>
        <p:spPr>
          <a:xfrm>
            <a:off x="254000" y="2187004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400" b="1" smtClean="0">
                <a:solidFill>
                  <a:srgbClr val="1D05A4"/>
                </a:solidFill>
                <a:latin typeface="Calibri" panose="020F0502020204030204" pitchFamily="34" charset="0"/>
              </a:rPr>
              <a:t>2010</a:t>
            </a:r>
            <a:endParaRPr lang="en-GB" sz="1400" b="1">
              <a:solidFill>
                <a:srgbClr val="1D05A4"/>
              </a:solidFill>
              <a:latin typeface="Calibri" panose="020F0502020204030204" pitchFamily="34" charset="0"/>
            </a:endParaRPr>
          </a:p>
        </p:txBody>
      </p:sp>
      <p:sp>
        <p:nvSpPr>
          <p:cNvPr id="5042" name="OTLSHAPE_TB_00000000000000000000000000000000_RightEndCaps" hidden="1"/>
          <p:cNvSpPr txBox="1"/>
          <p:nvPr>
            <p:custDataLst>
              <p:tags r:id="rId26"/>
            </p:custDataLst>
          </p:nvPr>
        </p:nvSpPr>
        <p:spPr>
          <a:xfrm>
            <a:off x="8529489" y="2187004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400" b="1" smtClean="0">
                <a:solidFill>
                  <a:srgbClr val="1D0FA4"/>
                </a:solidFill>
                <a:latin typeface="Calibri" panose="020F0502020204030204" pitchFamily="34" charset="0"/>
              </a:rPr>
              <a:t>2017</a:t>
            </a:r>
            <a:endParaRPr lang="en-GB" sz="1400" b="1">
              <a:solidFill>
                <a:srgbClr val="1D0FA4"/>
              </a:solidFill>
              <a:latin typeface="Calibri" panose="020F0502020204030204" pitchFamily="34" charset="0"/>
            </a:endParaRPr>
          </a:p>
        </p:txBody>
      </p:sp>
      <p:sp>
        <p:nvSpPr>
          <p:cNvPr id="5043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741511" y="2168525"/>
            <a:ext cx="7670800" cy="254000"/>
          </a:xfrm>
          <a:prstGeom prst="roundRect">
            <a:avLst/>
          </a:prstGeom>
          <a:solidFill>
            <a:srgbClr val="3F608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44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45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7716080" y="2422525"/>
            <a:ext cx="72572" cy="84667"/>
          </a:xfrm>
          <a:prstGeom prst="triangle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46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7752366" y="2507192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47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805011" y="2218013"/>
            <a:ext cx="252633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GB" sz="10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4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1761978" y="2218013"/>
            <a:ext cx="252633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GB" sz="10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49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2718945" y="2218013"/>
            <a:ext cx="252633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GB" sz="10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50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3678533" y="2218013"/>
            <a:ext cx="252633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GB" sz="10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51" name="OTLSHAPE_TB_00000000000000000000000000000000_TimescaleInterval5"/>
          <p:cNvSpPr txBox="1"/>
          <p:nvPr>
            <p:custDataLst>
              <p:tags r:id="rId35"/>
            </p:custDataLst>
          </p:nvPr>
        </p:nvSpPr>
        <p:spPr>
          <a:xfrm>
            <a:off x="4635500" y="2218013"/>
            <a:ext cx="252633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GB" sz="10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52" name="OTLSHAPE_TB_00000000000000000000000000000000_TimescaleInterval6"/>
          <p:cNvSpPr txBox="1"/>
          <p:nvPr>
            <p:custDataLst>
              <p:tags r:id="rId36"/>
            </p:custDataLst>
          </p:nvPr>
        </p:nvSpPr>
        <p:spPr>
          <a:xfrm>
            <a:off x="5592467" y="2218013"/>
            <a:ext cx="252633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GB" sz="10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53" name="OTLSHAPE_TB_00000000000000000000000000000000_TimescaleInterval7"/>
          <p:cNvSpPr txBox="1"/>
          <p:nvPr>
            <p:custDataLst>
              <p:tags r:id="rId37"/>
            </p:custDataLst>
          </p:nvPr>
        </p:nvSpPr>
        <p:spPr>
          <a:xfrm>
            <a:off x="6549434" y="2218013"/>
            <a:ext cx="252633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GB" sz="10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54" name="OTLSHAPE_TB_00000000000000000000000000000000_TimescaleInterval8"/>
          <p:cNvSpPr txBox="1"/>
          <p:nvPr>
            <p:custDataLst>
              <p:tags r:id="rId38"/>
            </p:custDataLst>
          </p:nvPr>
        </p:nvSpPr>
        <p:spPr>
          <a:xfrm>
            <a:off x="7509022" y="2218013"/>
            <a:ext cx="252633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GB" sz="10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78" name="OTLSHAPE_M_6eddaaf2e6234ab9837baff34da00c7f_Title"/>
          <p:cNvSpPr txBox="1"/>
          <p:nvPr>
            <p:custDataLst>
              <p:tags r:id="rId39"/>
            </p:custDataLst>
          </p:nvPr>
        </p:nvSpPr>
        <p:spPr>
          <a:xfrm>
            <a:off x="1751004" y="103626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Galaxy S II</a:t>
            </a:r>
            <a:endParaRPr lang="en-GB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79" name="OTLSHAPE_M_6eddaaf2e6234ab9837baff34da00c7f_Date"/>
          <p:cNvSpPr txBox="1"/>
          <p:nvPr>
            <p:custDataLst>
              <p:tags r:id="rId40"/>
            </p:custDataLst>
          </p:nvPr>
        </p:nvSpPr>
        <p:spPr>
          <a:xfrm>
            <a:off x="1807730" y="284051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May 2011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80" name="OTLSHAPE_M_6eddaaf2e6234ab9837baff34da00c7f_Shape"/>
          <p:cNvSpPr/>
          <p:nvPr>
            <p:custDataLst>
              <p:tags r:id="rId41"/>
            </p:custDataLst>
          </p:nvPr>
        </p:nvSpPr>
        <p:spPr>
          <a:xfrm>
            <a:off x="1963475" y="2040001"/>
            <a:ext cx="114300" cy="192024"/>
          </a:xfrm>
          <a:prstGeom prst="round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81" name="OTLSHAPE_M_0cff5306fff348c29c8f9a46b6c6b2fb_Title"/>
          <p:cNvSpPr txBox="1"/>
          <p:nvPr>
            <p:custDataLst>
              <p:tags r:id="rId42"/>
            </p:custDataLst>
          </p:nvPr>
        </p:nvSpPr>
        <p:spPr>
          <a:xfrm>
            <a:off x="2765380" y="4358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Galaxy S III</a:t>
            </a:r>
            <a:endParaRPr lang="en-GB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82" name="OTLSHAPE_M_0cff5306fff348c29c8f9a46b6c6b2fb_Date"/>
          <p:cNvSpPr txBox="1"/>
          <p:nvPr>
            <p:custDataLst>
              <p:tags r:id="rId43"/>
            </p:custDataLst>
          </p:nvPr>
        </p:nvSpPr>
        <p:spPr>
          <a:xfrm>
            <a:off x="2838108" y="616261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May 2012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83" name="OTLSHAPE_M_0cff5306fff348c29c8f9a46b6c6b2fb_Shape"/>
          <p:cNvSpPr/>
          <p:nvPr>
            <p:custDataLst>
              <p:tags r:id="rId44"/>
            </p:custDataLst>
          </p:nvPr>
        </p:nvSpPr>
        <p:spPr>
          <a:xfrm>
            <a:off x="2993853" y="2040001"/>
            <a:ext cx="114300" cy="192024"/>
          </a:xfrm>
          <a:prstGeom prst="round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84" name="OTLSHAPE_M_41045d40b2a040e891bfa60a4dd5bee2_Title"/>
          <p:cNvSpPr txBox="1"/>
          <p:nvPr>
            <p:custDataLst>
              <p:tags r:id="rId45"/>
            </p:custDataLst>
          </p:nvPr>
        </p:nvSpPr>
        <p:spPr>
          <a:xfrm>
            <a:off x="3348391" y="76822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Galaxy S II Plus</a:t>
            </a:r>
            <a:endParaRPr lang="en-GB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85" name="OTLSHAPE_M_41045d40b2a040e891bfa60a4dd5bee2_Date"/>
          <p:cNvSpPr txBox="1"/>
          <p:nvPr>
            <p:custDataLst>
              <p:tags r:id="rId46"/>
            </p:custDataLst>
          </p:nvPr>
        </p:nvSpPr>
        <p:spPr>
          <a:xfrm>
            <a:off x="3430581" y="948648"/>
            <a:ext cx="609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February 2013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86" name="OTLSHAPE_M_41045d40b2a040e891bfa60a4dd5bee2_Shape"/>
          <p:cNvSpPr/>
          <p:nvPr>
            <p:custDataLst>
              <p:tags r:id="rId47"/>
            </p:custDataLst>
          </p:nvPr>
        </p:nvSpPr>
        <p:spPr>
          <a:xfrm>
            <a:off x="3680771" y="2040001"/>
            <a:ext cx="114300" cy="192024"/>
          </a:xfrm>
          <a:prstGeom prst="round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87" name="OTLSHAPE_M_1ef1ecf7b9f74c2f908f0d1aaaf6024f_Title"/>
          <p:cNvSpPr txBox="1"/>
          <p:nvPr>
            <p:custDataLst>
              <p:tags r:id="rId48"/>
            </p:custDataLst>
          </p:nvPr>
        </p:nvSpPr>
        <p:spPr>
          <a:xfrm>
            <a:off x="3639816" y="1207495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4 Active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88" name="OTLSHAPE_M_1ef1ecf7b9f74c2f908f0d1aaaf6024f_Date"/>
          <p:cNvSpPr txBox="1"/>
          <p:nvPr>
            <p:custDataLst>
              <p:tags r:id="rId49"/>
            </p:custDataLst>
          </p:nvPr>
        </p:nvSpPr>
        <p:spPr>
          <a:xfrm>
            <a:off x="3850339" y="138792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June 2013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89" name="OTLSHAPE_M_1ef1ecf7b9f74c2f908f0d1aaaf6024f_Shape"/>
          <p:cNvSpPr/>
          <p:nvPr>
            <p:custDataLst>
              <p:tags r:id="rId50"/>
            </p:custDataLst>
          </p:nvPr>
        </p:nvSpPr>
        <p:spPr>
          <a:xfrm>
            <a:off x="4011121" y="2040001"/>
            <a:ext cx="114300" cy="192024"/>
          </a:xfrm>
          <a:prstGeom prst="round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90" name="OTLSHAPE_M_3e38c6b517f749a0af7b647881f60c2e_Title"/>
          <p:cNvSpPr txBox="1"/>
          <p:nvPr>
            <p:custDataLst>
              <p:tags r:id="rId51"/>
            </p:custDataLst>
          </p:nvPr>
        </p:nvSpPr>
        <p:spPr>
          <a:xfrm>
            <a:off x="4406809" y="166581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Galaxy S III Neo</a:t>
            </a:r>
            <a:endParaRPr lang="en-GB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91" name="OTLSHAPE_M_3e38c6b517f749a0af7b647881f60c2e_Date"/>
          <p:cNvSpPr txBox="1"/>
          <p:nvPr>
            <p:custDataLst>
              <p:tags r:id="rId52"/>
            </p:custDataLst>
          </p:nvPr>
        </p:nvSpPr>
        <p:spPr>
          <a:xfrm>
            <a:off x="4592653" y="347006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April 2014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92" name="OTLSHAPE_M_3e38c6b517f749a0af7b647881f60c2e_Shape"/>
          <p:cNvSpPr/>
          <p:nvPr>
            <p:custDataLst>
              <p:tags r:id="rId53"/>
            </p:custDataLst>
          </p:nvPr>
        </p:nvSpPr>
        <p:spPr>
          <a:xfrm>
            <a:off x="4755721" y="2040001"/>
            <a:ext cx="114300" cy="192024"/>
          </a:xfrm>
          <a:prstGeom prst="round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93" name="OTLSHAPE_M_d1674676568d43f1a9c196f60600de2c_Title"/>
          <p:cNvSpPr txBox="1"/>
          <p:nvPr>
            <p:custDataLst>
              <p:tags r:id="rId54"/>
            </p:custDataLst>
          </p:nvPr>
        </p:nvSpPr>
        <p:spPr>
          <a:xfrm>
            <a:off x="4552212" y="171014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5 Active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94" name="OTLSHAPE_M_d1674676568d43f1a9c196f60600de2c_Date"/>
          <p:cNvSpPr txBox="1"/>
          <p:nvPr>
            <p:custDataLst>
              <p:tags r:id="rId55"/>
            </p:custDataLst>
          </p:nvPr>
        </p:nvSpPr>
        <p:spPr>
          <a:xfrm>
            <a:off x="4762735" y="189056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June 2014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95" name="OTLSHAPE_M_d1674676568d43f1a9c196f60600de2c_Shape"/>
          <p:cNvSpPr/>
          <p:nvPr>
            <p:custDataLst>
              <p:tags r:id="rId56"/>
            </p:custDataLst>
          </p:nvPr>
        </p:nvSpPr>
        <p:spPr>
          <a:xfrm>
            <a:off x="4923517" y="2040001"/>
            <a:ext cx="114300" cy="192024"/>
          </a:xfrm>
          <a:prstGeom prst="roundRect">
            <a:avLst/>
          </a:prstGeom>
          <a:solidFill>
            <a:schemeClr val="l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96" name="OTLSHAPE_M_fa4d7f46f8dd4b77b9d530b26ff09c1e_Title"/>
          <p:cNvSpPr txBox="1"/>
          <p:nvPr>
            <p:custDataLst>
              <p:tags r:id="rId57"/>
            </p:custDataLst>
          </p:nvPr>
        </p:nvSpPr>
        <p:spPr>
          <a:xfrm>
            <a:off x="5035278" y="120827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Galaxy S5 Plus</a:t>
            </a:r>
            <a:endParaRPr lang="en-GB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97" name="OTLSHAPE_M_fa4d7f46f8dd4b77b9d530b26ff09c1e_Date"/>
          <p:cNvSpPr txBox="1"/>
          <p:nvPr>
            <p:custDataLst>
              <p:tags r:id="rId58"/>
            </p:custDataLst>
          </p:nvPr>
        </p:nvSpPr>
        <p:spPr>
          <a:xfrm>
            <a:off x="5070223" y="1388702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November 2014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98" name="OTLSHAPE_M_fa4d7f46f8dd4b77b9d530b26ff09c1e_Shape"/>
          <p:cNvSpPr/>
          <p:nvPr>
            <p:custDataLst>
              <p:tags r:id="rId59"/>
            </p:custDataLst>
          </p:nvPr>
        </p:nvSpPr>
        <p:spPr>
          <a:xfrm>
            <a:off x="5353497" y="2040001"/>
            <a:ext cx="114300" cy="192024"/>
          </a:xfrm>
          <a:prstGeom prst="round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99" name="OTLSHAPE_M_1551819e0e5e45be86ad2436fb8e9ecc_Title"/>
          <p:cNvSpPr txBox="1"/>
          <p:nvPr>
            <p:custDataLst>
              <p:tags r:id="rId60"/>
            </p:custDataLst>
          </p:nvPr>
        </p:nvSpPr>
        <p:spPr>
          <a:xfrm>
            <a:off x="5530153" y="83798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6 Active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0" name="OTLSHAPE_M_1551819e0e5e45be86ad2436fb8e9ecc_Date"/>
          <p:cNvSpPr txBox="1"/>
          <p:nvPr>
            <p:custDataLst>
              <p:tags r:id="rId61"/>
            </p:custDataLst>
          </p:nvPr>
        </p:nvSpPr>
        <p:spPr>
          <a:xfrm>
            <a:off x="5740677" y="1018413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June 2015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1" name="OTLSHAPE_M_1551819e0e5e45be86ad2436fb8e9ecc_Shape"/>
          <p:cNvSpPr/>
          <p:nvPr>
            <p:custDataLst>
              <p:tags r:id="rId62"/>
            </p:custDataLst>
          </p:nvPr>
        </p:nvSpPr>
        <p:spPr>
          <a:xfrm>
            <a:off x="5901459" y="2040001"/>
            <a:ext cx="114300" cy="192024"/>
          </a:xfrm>
          <a:prstGeom prst="round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02" name="OTLSHAPE_M_2b85f17fab734a2c81a475e1cb986246_Title"/>
          <p:cNvSpPr txBox="1"/>
          <p:nvPr>
            <p:custDataLst>
              <p:tags r:id="rId63"/>
            </p:custDataLst>
          </p:nvPr>
        </p:nvSpPr>
        <p:spPr>
          <a:xfrm>
            <a:off x="5716306" y="461532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6 Edge+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3" name="OTLSHAPE_M_2b85f17fab734a2c81a475e1cb986246_Date"/>
          <p:cNvSpPr txBox="1"/>
          <p:nvPr>
            <p:custDataLst>
              <p:tags r:id="rId64"/>
            </p:custDataLst>
          </p:nvPr>
        </p:nvSpPr>
        <p:spPr>
          <a:xfrm>
            <a:off x="5876029" y="641957"/>
            <a:ext cx="520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August 2015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4" name="OTLSHAPE_M_2b85f17fab734a2c81a475e1cb986246_Shape"/>
          <p:cNvSpPr/>
          <p:nvPr>
            <p:custDataLst>
              <p:tags r:id="rId65"/>
            </p:custDataLst>
          </p:nvPr>
        </p:nvSpPr>
        <p:spPr>
          <a:xfrm>
            <a:off x="6084987" y="2040001"/>
            <a:ext cx="114300" cy="192024"/>
          </a:xfrm>
          <a:prstGeom prst="round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05" name="OTLSHAPE_M_c19d9082ad69445da4e91bfbd4e6e48f_Title"/>
          <p:cNvSpPr txBox="1"/>
          <p:nvPr>
            <p:custDataLst>
              <p:tags r:id="rId66"/>
            </p:custDataLst>
          </p:nvPr>
        </p:nvSpPr>
        <p:spPr>
          <a:xfrm>
            <a:off x="6484498" y="172359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7 Active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6" name="OTLSHAPE_M_c19d9082ad69445da4e91bfbd4e6e48f_Date"/>
          <p:cNvSpPr txBox="1"/>
          <p:nvPr>
            <p:custDataLst>
              <p:tags r:id="rId67"/>
            </p:custDataLst>
          </p:nvPr>
        </p:nvSpPr>
        <p:spPr>
          <a:xfrm>
            <a:off x="6695022" y="35278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June 2016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7" name="OTLSHAPE_M_c19d9082ad69445da4e91bfbd4e6e48f_Shape"/>
          <p:cNvSpPr/>
          <p:nvPr>
            <p:custDataLst>
              <p:tags r:id="rId68"/>
            </p:custDataLst>
          </p:nvPr>
        </p:nvSpPr>
        <p:spPr>
          <a:xfrm>
            <a:off x="6855804" y="2040001"/>
            <a:ext cx="114300" cy="192024"/>
          </a:xfrm>
          <a:prstGeom prst="roundRect">
            <a:avLst/>
          </a:prstGeom>
          <a:solidFill>
            <a:srgbClr val="DBB04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08" name="OTLSHAPE_M_3995d9abef7241eb944385825896c0fe_Title"/>
          <p:cNvSpPr txBox="1"/>
          <p:nvPr>
            <p:custDataLst>
              <p:tags r:id="rId69"/>
            </p:custDataLst>
          </p:nvPr>
        </p:nvSpPr>
        <p:spPr>
          <a:xfrm>
            <a:off x="680828" y="4696203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Samsung Galaxy S</a:t>
            </a:r>
            <a:endParaRPr lang="en-GB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9" name="OTLSHAPE_M_3995d9abef7241eb944385825896c0fe_Date"/>
          <p:cNvSpPr txBox="1"/>
          <p:nvPr>
            <p:custDataLst>
              <p:tags r:id="rId70"/>
            </p:custDataLst>
          </p:nvPr>
        </p:nvSpPr>
        <p:spPr>
          <a:xfrm>
            <a:off x="932246" y="4546767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June 2010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0" name="OTLSHAPE_M_3995d9abef7241eb944385825896c0fe_Shape"/>
          <p:cNvSpPr/>
          <p:nvPr>
            <p:custDataLst>
              <p:tags r:id="rId71"/>
            </p:custDataLst>
          </p:nvPr>
        </p:nvSpPr>
        <p:spPr>
          <a:xfrm>
            <a:off x="1093028" y="2359025"/>
            <a:ext cx="114300" cy="192024"/>
          </a:xfrm>
          <a:prstGeom prst="round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11" name="OTLSHAPE_M_d2a1f4af0cad419fb98eb3e83730558d_Title"/>
          <p:cNvSpPr txBox="1"/>
          <p:nvPr>
            <p:custDataLst>
              <p:tags r:id="rId72"/>
            </p:custDataLst>
          </p:nvPr>
        </p:nvSpPr>
        <p:spPr>
          <a:xfrm>
            <a:off x="2517262" y="4415898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Galaxy S Advance</a:t>
            </a:r>
            <a:endParaRPr lang="en-GB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2" name="OTLSHAPE_M_d2a1f4af0cad419fb98eb3e83730558d_Date"/>
          <p:cNvSpPr txBox="1"/>
          <p:nvPr>
            <p:custDataLst>
              <p:tags r:id="rId73"/>
            </p:custDataLst>
          </p:nvPr>
        </p:nvSpPr>
        <p:spPr>
          <a:xfrm>
            <a:off x="2754752" y="4266462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April 2012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3" name="OTLSHAPE_M_d2a1f4af0cad419fb98eb3e83730558d_Shape"/>
          <p:cNvSpPr/>
          <p:nvPr>
            <p:custDataLst>
              <p:tags r:id="rId74"/>
            </p:custDataLst>
          </p:nvPr>
        </p:nvSpPr>
        <p:spPr>
          <a:xfrm>
            <a:off x="2917820" y="2359025"/>
            <a:ext cx="114300" cy="192024"/>
          </a:xfrm>
          <a:prstGeom prst="round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14" name="OTLSHAPE_M_757b8f27135349f29a13bb4029fd12b1_Title"/>
          <p:cNvSpPr txBox="1"/>
          <p:nvPr>
            <p:custDataLst>
              <p:tags r:id="rId75"/>
            </p:custDataLst>
          </p:nvPr>
        </p:nvSpPr>
        <p:spPr>
          <a:xfrm>
            <a:off x="3045879" y="398022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lt1"/>
                </a:solidFill>
                <a:latin typeface="Calibri" panose="020F0502020204030204" pitchFamily="34" charset="0"/>
              </a:rPr>
              <a:t>Galaxy S III Mini</a:t>
            </a:r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5" name="OTLSHAPE_M_757b8f27135349f29a13bb4029fd12b1_Date"/>
          <p:cNvSpPr txBox="1"/>
          <p:nvPr>
            <p:custDataLst>
              <p:tags r:id="rId76"/>
            </p:custDataLst>
          </p:nvPr>
        </p:nvSpPr>
        <p:spPr>
          <a:xfrm>
            <a:off x="3122206" y="3830787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November 2012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6" name="OTLSHAPE_M_757b8f27135349f29a13bb4029fd12b1_Shape"/>
          <p:cNvSpPr/>
          <p:nvPr>
            <p:custDataLst>
              <p:tags r:id="rId77"/>
            </p:custDataLst>
          </p:nvPr>
        </p:nvSpPr>
        <p:spPr>
          <a:xfrm>
            <a:off x="3405479" y="2359025"/>
            <a:ext cx="114300" cy="192024"/>
          </a:xfrm>
          <a:prstGeom prst="round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17" name="OTLSHAPE_M_ea5f38e5562244cea78f692b5a67d3cc_Title"/>
          <p:cNvSpPr txBox="1"/>
          <p:nvPr>
            <p:custDataLst>
              <p:tags r:id="rId78"/>
            </p:custDataLst>
          </p:nvPr>
        </p:nvSpPr>
        <p:spPr>
          <a:xfrm>
            <a:off x="3668611" y="356764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4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8" name="OTLSHAPE_M_ea5f38e5562244cea78f692b5a67d3cc_Date"/>
          <p:cNvSpPr txBox="1"/>
          <p:nvPr>
            <p:custDataLst>
              <p:tags r:id="rId79"/>
            </p:custDataLst>
          </p:nvPr>
        </p:nvSpPr>
        <p:spPr>
          <a:xfrm>
            <a:off x="3703853" y="3418210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April 2013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9" name="OTLSHAPE_M_ea5f38e5562244cea78f692b5a67d3cc_Shape"/>
          <p:cNvSpPr/>
          <p:nvPr>
            <p:custDataLst>
              <p:tags r:id="rId80"/>
            </p:custDataLst>
          </p:nvPr>
        </p:nvSpPr>
        <p:spPr>
          <a:xfrm>
            <a:off x="3866921" y="2359025"/>
            <a:ext cx="114300" cy="192024"/>
          </a:xfrm>
          <a:prstGeom prst="round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20" name="OTLSHAPE_M_69dfbdd481f842ab9341e1fdf5af935f_Title"/>
          <p:cNvSpPr txBox="1"/>
          <p:nvPr>
            <p:custDataLst>
              <p:tags r:id="rId81"/>
            </p:custDataLst>
          </p:nvPr>
        </p:nvSpPr>
        <p:spPr>
          <a:xfrm>
            <a:off x="3744607" y="321334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Galaxy S4 Mini</a:t>
            </a:r>
            <a:endParaRPr lang="en-GB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21" name="OTLSHAPE_M_69dfbdd481f842ab9341e1fdf5af935f_Date"/>
          <p:cNvSpPr txBox="1"/>
          <p:nvPr>
            <p:custDataLst>
              <p:tags r:id="rId82"/>
            </p:custDataLst>
          </p:nvPr>
        </p:nvSpPr>
        <p:spPr>
          <a:xfrm>
            <a:off x="3930578" y="3063903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July 2013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22" name="OTLSHAPE_M_69dfbdd481f842ab9341e1fdf5af935f_Shape"/>
          <p:cNvSpPr/>
          <p:nvPr>
            <p:custDataLst>
              <p:tags r:id="rId83"/>
            </p:custDataLst>
          </p:nvPr>
        </p:nvSpPr>
        <p:spPr>
          <a:xfrm>
            <a:off x="4074046" y="2359025"/>
            <a:ext cx="114300" cy="192024"/>
          </a:xfrm>
          <a:prstGeom prst="round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23" name="OTLSHAPE_M_6b5c8f4abbc64d3584c4c5f26f049b38_Title"/>
          <p:cNvSpPr txBox="1"/>
          <p:nvPr>
            <p:custDataLst>
              <p:tags r:id="rId84"/>
            </p:custDataLst>
          </p:nvPr>
        </p:nvSpPr>
        <p:spPr>
          <a:xfrm>
            <a:off x="4583628" y="272588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5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24" name="OTLSHAPE_M_6b5c8f4abbc64d3584c4c5f26f049b38_Date"/>
          <p:cNvSpPr txBox="1"/>
          <p:nvPr>
            <p:custDataLst>
              <p:tags r:id="rId85"/>
            </p:custDataLst>
          </p:nvPr>
        </p:nvSpPr>
        <p:spPr>
          <a:xfrm>
            <a:off x="4618871" y="2576449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April 2014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25" name="OTLSHAPE_M_6b5c8f4abbc64d3584c4c5f26f049b38_Shape"/>
          <p:cNvSpPr/>
          <p:nvPr>
            <p:custDataLst>
              <p:tags r:id="rId86"/>
            </p:custDataLst>
          </p:nvPr>
        </p:nvSpPr>
        <p:spPr>
          <a:xfrm>
            <a:off x="4781939" y="2359025"/>
            <a:ext cx="114300" cy="192024"/>
          </a:xfrm>
          <a:prstGeom prst="round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26" name="OTLSHAPE_M_8e9c7bf8dd134729a2470ea339a944be_Title"/>
          <p:cNvSpPr txBox="1"/>
          <p:nvPr>
            <p:custDataLst>
              <p:tags r:id="rId87"/>
            </p:custDataLst>
          </p:nvPr>
        </p:nvSpPr>
        <p:spPr>
          <a:xfrm>
            <a:off x="4664869" y="321382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Galaxy S5 Mini</a:t>
            </a:r>
            <a:endParaRPr lang="en-GB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27" name="OTLSHAPE_M_8e9c7bf8dd134729a2470ea339a944be_Date"/>
          <p:cNvSpPr txBox="1"/>
          <p:nvPr>
            <p:custDataLst>
              <p:tags r:id="rId88"/>
            </p:custDataLst>
          </p:nvPr>
        </p:nvSpPr>
        <p:spPr>
          <a:xfrm>
            <a:off x="4850839" y="3064386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July 2014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28" name="OTLSHAPE_M_8e9c7bf8dd134729a2470ea339a944be_Shape"/>
          <p:cNvSpPr/>
          <p:nvPr>
            <p:custDataLst>
              <p:tags r:id="rId89"/>
            </p:custDataLst>
          </p:nvPr>
        </p:nvSpPr>
        <p:spPr>
          <a:xfrm>
            <a:off x="4994307" y="2359025"/>
            <a:ext cx="114300" cy="192024"/>
          </a:xfrm>
          <a:prstGeom prst="round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29" name="OTLSHAPE_M_45d354d392584e55829d08de0a91189a_Title"/>
          <p:cNvSpPr txBox="1"/>
          <p:nvPr>
            <p:custDataLst>
              <p:tags r:id="rId90"/>
            </p:custDataLst>
          </p:nvPr>
        </p:nvSpPr>
        <p:spPr>
          <a:xfrm>
            <a:off x="5284629" y="3567645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6 / S6 Edge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0" name="OTLSHAPE_M_45d354d392584e55829d08de0a91189a_Date"/>
          <p:cNvSpPr txBox="1"/>
          <p:nvPr>
            <p:custDataLst>
              <p:tags r:id="rId91"/>
            </p:custDataLst>
          </p:nvPr>
        </p:nvSpPr>
        <p:spPr>
          <a:xfrm>
            <a:off x="5573216" y="3418209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April 2015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1" name="OTLSHAPE_M_45d354d392584e55829d08de0a91189a_Shape"/>
          <p:cNvSpPr/>
          <p:nvPr>
            <p:custDataLst>
              <p:tags r:id="rId92"/>
            </p:custDataLst>
          </p:nvPr>
        </p:nvSpPr>
        <p:spPr>
          <a:xfrm>
            <a:off x="5736284" y="2359025"/>
            <a:ext cx="114300" cy="192024"/>
          </a:xfrm>
          <a:prstGeom prst="round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32" name="OTLSHAPE_M_9184bdc391be4ec6b031a751055d87a7_Title"/>
          <p:cNvSpPr txBox="1"/>
          <p:nvPr>
            <p:custDataLst>
              <p:tags r:id="rId93"/>
            </p:custDataLst>
          </p:nvPr>
        </p:nvSpPr>
        <p:spPr>
          <a:xfrm>
            <a:off x="5750507" y="398022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5 Neo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3" name="OTLSHAPE_M_9184bdc391be4ec6b031a751055d87a7_Date"/>
          <p:cNvSpPr txBox="1"/>
          <p:nvPr>
            <p:custDataLst>
              <p:tags r:id="rId94"/>
            </p:custDataLst>
          </p:nvPr>
        </p:nvSpPr>
        <p:spPr>
          <a:xfrm>
            <a:off x="5860298" y="3830786"/>
            <a:ext cx="520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August 2015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4" name="OTLSHAPE_M_9184bdc391be4ec6b031a751055d87a7_Shape"/>
          <p:cNvSpPr/>
          <p:nvPr>
            <p:custDataLst>
              <p:tags r:id="rId95"/>
            </p:custDataLst>
          </p:nvPr>
        </p:nvSpPr>
        <p:spPr>
          <a:xfrm>
            <a:off x="6069256" y="2359025"/>
            <a:ext cx="114300" cy="192024"/>
          </a:xfrm>
          <a:prstGeom prst="round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35" name="OTLSHAPE_M_a88fd2ea5e68475c92e88b69d74d1b7f_Title"/>
          <p:cNvSpPr txBox="1"/>
          <p:nvPr>
            <p:custDataLst>
              <p:tags r:id="rId96"/>
            </p:custDataLst>
          </p:nvPr>
        </p:nvSpPr>
        <p:spPr>
          <a:xfrm>
            <a:off x="6165563" y="4360151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7 / S7 Edge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6" name="OTLSHAPE_M_a88fd2ea5e68475c92e88b69d74d1b7f_Date"/>
          <p:cNvSpPr txBox="1"/>
          <p:nvPr>
            <p:custDataLst>
              <p:tags r:id="rId97"/>
            </p:custDataLst>
          </p:nvPr>
        </p:nvSpPr>
        <p:spPr>
          <a:xfrm>
            <a:off x="6418357" y="421071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March 2016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7" name="OTLSHAPE_M_a88fd2ea5e68475c92e88b69d74d1b7f_Shape"/>
          <p:cNvSpPr/>
          <p:nvPr>
            <p:custDataLst>
              <p:tags r:id="rId98"/>
            </p:custDataLst>
          </p:nvPr>
        </p:nvSpPr>
        <p:spPr>
          <a:xfrm>
            <a:off x="6617218" y="2359025"/>
            <a:ext cx="114300" cy="192024"/>
          </a:xfrm>
          <a:prstGeom prst="roundRect">
            <a:avLst/>
          </a:prstGeom>
          <a:solidFill>
            <a:srgbClr val="E8B649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38" name="OTLSHAPE_M_f6c8803e1a7c4e8f8337d74e00db159e_Title"/>
          <p:cNvSpPr txBox="1"/>
          <p:nvPr>
            <p:custDataLst>
              <p:tags r:id="rId99"/>
            </p:custDataLst>
          </p:nvPr>
        </p:nvSpPr>
        <p:spPr>
          <a:xfrm>
            <a:off x="7255873" y="469620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Galaxy S8 / S8+</a:t>
            </a:r>
            <a:endParaRPr lang="en-GB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9" name="OTLSHAPE_M_f6c8803e1a7c4e8f8337d74e00db159e_Date"/>
          <p:cNvSpPr txBox="1"/>
          <p:nvPr>
            <p:custDataLst>
              <p:tags r:id="rId100"/>
            </p:custDataLst>
          </p:nvPr>
        </p:nvSpPr>
        <p:spPr>
          <a:xfrm>
            <a:off x="7401542" y="454676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mtClean="0">
                <a:solidFill>
                  <a:schemeClr val="lt1"/>
                </a:solidFill>
                <a:latin typeface="Calibri" panose="020F0502020204030204" pitchFamily="34" charset="0"/>
              </a:rPr>
              <a:t>March 2017</a:t>
            </a:r>
            <a:endParaRPr lang="en-GB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40" name="OTLSHAPE_M_f6c8803e1a7c4e8f8337d74e00db159e_Shape"/>
          <p:cNvSpPr/>
          <p:nvPr>
            <p:custDataLst>
              <p:tags r:id="rId101"/>
            </p:custDataLst>
          </p:nvPr>
        </p:nvSpPr>
        <p:spPr>
          <a:xfrm>
            <a:off x="7600403" y="2359025"/>
            <a:ext cx="114300" cy="192024"/>
          </a:xfrm>
          <a:prstGeom prst="roundRect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0923021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M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zLCJHIjo5NiwiQiI6MTM3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yOSwiRyI6MTUsIkIiOjE2N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ksIkciOjUsIkIiOjE2N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A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CwiVG9kYXlNYXJrZXJQb3NpdGlvbiI6MCwiUXVpY2tQb3NpdGlvbiI6MywiQWJzb2x1dGVQb3NpdGlvbiI6MTcwLjc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jA4LCJHIjoyMjYsIkIiOjI1M3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DYWxpYnJpIiwiSXNCb2xkIjpmYWxz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4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U0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I1NSwiRyI6MjU1LCJCIjoyNTV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SIsIkxpbmVDb2xvciI6bnVsbCwiTGluZVdlaWdodCI6MC4wLCJMaW5lVHlwZSI6MCwiUGFyZW50U3R5bGUiOm51bGx9LCJQYXJlbnRTdHlsZSI6eyIkcmVmIjoiNjUifX0sIkRhdGVTdHlsZSI6eyIkaWQiOiIxOTYiLCJGb250U2V0dGluZ3MiOnsiJGlkIjoiMTk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GlkIjoiMjEy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AiLCJMaW5lQ29sb3IiOm51bGwsIkxpbmVXZWlnaHQiOjAuMCwiTGluZVR5cGUiOjAsIlBhcmVudFN0eWxlIjpudWxsfSwiUGFyZW50U3R5bGUiOnsiJHJlZiI6IjY1In19LCJEYXRlU3R5bGUiOnsiJGlkIjoiMjQxIiwiRm9udFNldHRpbmdzIjp7IiRpZCI6IjI0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1IiwiTGluZUNvbG9yIjpudWxsLCJMaW5lV2VpZ2h0IjowLjAsIkxpbmVUeXBlIjowLCJQYXJlbnRTdHlsZSI6bnVsbH0sIlBhcmVudFN0eWxlIjp7IiRyZWYiOiI2NSJ9fSwiRGF0ZVN0eWxlIjp7IiRpZCI6IjI1NiIsIkZvbnRTZXR0aW5ncyI6eyIkaWQiOiIyNT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CIsIkxpbmVDb2xvciI6bnVsbCwiTGluZVdlaWdodCI6MC4wLCJMaW5lVHlwZSI6MCwiUGFyZW50U3R5bGUiOm51bGx9LCJQYXJlbnRTdHlsZSI6eyIkcmVmIjoiNjUifX0sIkRhdGVTdHlsZSI6eyIkaWQiOiIyNzEiLCJGb250U2V0dGluZ3MiOnsiJGlkIjoiMjcy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4NSIsIkxpbmVDb2xvciI6bnVsbCwiTGluZVdlaWdodCI6MC4wLCJMaW5lVHlwZSI6MCwiUGFyZW50U3R5bGUiOm51bGx9LCJQYXJlbnRTdHlsZSI6eyIkcmVmIjoiNjUifX0sIkRhdGVTdHlsZSI6eyIkaWQiOiIyODYiLCJGb250U2V0dGluZ3MiOnsiJGlkIjoiMjg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DAiLCJMaW5lQ29sb3IiOm51bGwsIkxpbmVXZWlnaHQiOjAuMCwiTGluZVR5cGUiOjAsIlBhcmVudFN0eWxlIjpudWxsfSwiUGFyZW50U3R5bGUiOnsiJHJlZiI6IjY1In19LCJEYXRlU3R5bGUiOnsiJGlkIjoiMzAxIiwiRm9udFNldHRpbmdzIjp7IiRpZCI6IjMw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UiLCJMaW5lQ29sb3IiOm51bGwsIkxpbmVXZWlnaHQiOjAuMCwiTGluZVR5cGUiOjAsIlBhcmVudFN0eWxlIjpudWxsfSwiUGFyZW50U3R5bGUiOnsiJHJlZiI6IjY1In19LCJEYXRlU3R5bGUiOnsiJGlkIjoiMzE2IiwiRm9udFNldHRpbmdzIjp7IiRpZCI6IjMx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zMCIsIkxpbmVDb2xvciI6bnVsbCwiTGluZVdlaWdodCI6MC4wLCJMaW5lVHlwZSI6MCwiUGFyZW50U3R5bGUiOm51bGx9LCJQYXJlbnRTdHlsZSI6eyIkcmVmIjoiNjUifX0sIkRhdGVTdHlsZSI6eyIkaWQiOiIzMzEiLCJGb250U2V0dGluZ3MiOnsiJGlkIjoiMzMy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DUiLCJMaW5lQ29sb3IiOm51bGwsIkxpbmVXZWlnaHQiOjAuMCwiTGluZVR5cGUiOjAsIlBhcmVudFN0eWxlIjpudWxsfSwiUGFyZW50U3R5bGUiOnsiJHJlZiI6IjY1In19LCJEYXRlU3R5bGUiOnsiJGlkIjoiMzQ2IiwiRm9udFNldHRpbmdzIjp7IiRpZCI6IjM0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YwIiwiTGluZUNvbG9yIjpudWxsLCJMaW5lV2VpZ2h0IjowLjAsIkxpbmVUeXBlIjowLCJQYXJlbnRTdHlsZSI6bnVsbH0sIlBhcmVudFN0eWxlIjp7IiRyZWYiOiI2NSJ9fSwiRGF0ZVN0eWxlIjp7IiRpZCI6IjM2MSIsIkZvbnRTZXR0aW5ncyI6eyIkaWQiOiIzNj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c1IiwiTGluZUNvbG9yIjpudWxsLCJMaW5lV2VpZ2h0IjowLjAsIkxpbmVUeXBlIjowLCJQYXJlbnRTdHlsZSI6bnVsbH0sIlBhcmVudFN0eWxlIjp7IiRyZWYiOiI2NSJ9fSwiRGF0ZVN0eWxlIjp7IiRpZCI6IjM3NiIsIkZvbnRTZXR0aW5ncyI6eyIkaWQiOiIzN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5MCIsIkxpbmVDb2xvciI6bnVsbCwiTGluZVdlaWdodCI6MC4wLCJMaW5lVHlwZSI6MCwiUGFyZW50U3R5bGUiOm51bGx9LCJQYXJlbnRTdHlsZSI6eyIkcmVmIjoiNjUifX0sIkRhdGVTdHlsZSI6eyIkaWQiOiIzOTEiLCJGb250U2V0dGluZ3MiOnsiJGlkIjoiMzky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wNSIsIkxpbmVDb2xvciI6bnVsbCwiTGluZVdlaWdodCI6MC4wLCJMaW5lVHlwZSI6MCwiUGFyZW50U3R5bGUiOm51bGx9LCJQYXJlbnRTdHlsZSI6eyIkcmVmIjoiNjUifX0sIkRhdGVTdHlsZSI6eyIkaWQiOiI0MDYiLCJGb250U2V0dGluZ3MiOnsiJGlkIjoiNDA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IwIiwiTGluZUNvbG9yIjpudWxsLCJMaW5lV2VpZ2h0IjowLjAsIkxpbmVUeXBlIjowLCJQYXJlbnRTdHlsZSI6bnVsbH0sIlBhcmVudFN0eWxlIjp7IiRyZWYiOiI2NSJ9fSwiRGF0ZVN0eWxlIjp7IiRpZCI6IjQyMSIsIkZvbnRTZXR0aW5ncyI6eyIkaWQiOiI0Mj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zUiLCJMaW5lQ29sb3IiOm51bGwsIkxpbmVXZWlnaHQiOjAuMCwiTGluZVR5cGUiOjAsIlBhcmVudFN0eWxlIjpudWxsfSwiUGFyZW50U3R5bGUiOnsiJHJlZiI6IjY1In19LCJEYXRlU3R5bGUiOnsiJGlkIjoiNDM2IiwiRm9udFNldHRpbmdzIjp7IiRpZCI6IjQz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NCwiRmlsZVBhdGgiOiJDOlxcQXJ0aWNvbGVcXE9mZmljZSBUaW1lbGluZVxcb2ZmaWNlIHRpbWVsaW5lIHBwdCBzdHVmZlxcU2Ftc3VuZyBHYWxheHkgUyBUaW1lbGluZS54bHN4IiwiVGltZUNvbmZpZ3VyYXRpb24iOnsiJGlkIjoiNDQz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4"/>
        </a:solidFill>
        <a:ln w="25400" cap="flat" cmpd="sng" algn="ctr">
          <a:noFill/>
          <a:prstDash val="solid"/>
        </a:ln>
        <a:effectLst>
          <a:outerShdw>
            <a:scrgbClr r="0" g="0" b="0">
              <a:alpha val="50000"/>
            </a:scrgbClr>
          </a:outerShdw>
        </a:effectLst>
        <a:extLst>
          <a:ext uri="{91240B29-F687-4F45-9708-019B960494DF}">
            <a14:hiddenLine xmlns:a14="http://schemas.microsoft.com/office/drawing/2010/main" w="25400" cap="flat" cmpd="sng" algn="ctr">
              <a:solidFill>
                <a:schemeClr val="accent1">
                  <a:shade val="50000"/>
                </a:schemeClr>
              </a:solidFill>
              <a:prstDash val="solid"/>
            </a14:hiddenLine>
          </a:ext>
          <a:ext uri="{53640926-AAD7-44D8-BBD7-CCE9431645EC}">
            <a14:shadowObscured xmlns:a14="http://schemas.microsoft.com/office/drawing/2010/main" val="1"/>
          </a:ext>
        </a:extLst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4</Words>
  <Application>Microsoft Office PowerPoint</Application>
  <PresentationFormat>On-screen Show (16:9)</PresentationFormat>
  <Paragraphs>5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Arial</vt:lpstr>
      <vt:lpstr>Calibri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4-27T08:27:15Z</dcterms:created>
  <dcterms:modified xsi:type="dcterms:W3CDTF">2017-04-28T13:32:02Z</dcterms:modified>
</cp:coreProperties>
</file>